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5. Janka\621_2021 Systém na meranie moču\02. Príprava\03. PTK\00. Pracovná verzia\"/>
    </mc:Choice>
  </mc:AlternateContent>
  <bookViews>
    <workbookView xWindow="-105" yWindow="-105" windowWidth="19425" windowHeight="10425"/>
  </bookViews>
  <sheets>
    <sheet name="Cenová ponuka" sheetId="8" r:id="rId1"/>
  </sheets>
  <definedNames>
    <definedName name="_xlnm.Print_Area" localSheetId="0">'Cenová ponuka'!$A$1:$E$10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2" uniqueCount="130">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 xml:space="preserve">Kalkulácia ceny a návrh na plnenie kritéria na vyhodnotenie ponúk - Štruktúrovaný rozpočet ceny predmetu zákazky </t>
  </si>
  <si>
    <t>Systém na meranie moču</t>
  </si>
  <si>
    <t>33140000-3 - Zdravotnícky spotrebný materiál</t>
  </si>
  <si>
    <t xml:space="preserve">Uzavretá súprava, ktorá slúži na meranie hodinovej diurézy. </t>
  </si>
  <si>
    <t xml:space="preserve">Systém na meranie moču </t>
  </si>
  <si>
    <t xml:space="preserve">Položka č. 1 - Systém na meranie moču </t>
  </si>
  <si>
    <t>Konektor katétra  (chránený viečkom) s otvorom na odber vzorky bez ihly a spätným ventilom zabudovaným v konektore.</t>
  </si>
  <si>
    <t>Prívodná hadička 110 cm so svorkou hadičky.</t>
  </si>
  <si>
    <t>Špirála zabraňujúca zalomeniu hadičky.</t>
  </si>
  <si>
    <t>Meracia komora (kapacita 500 ml) s odvzdušňovacím filtrom a páčkou na otvorenie a zatvorenie.</t>
  </si>
  <si>
    <t>Zberné vrecko 2000 ml s odvzdušňovacím filtrom a spätným ventilom so spodným vývodom s výpustným ventilom.</t>
  </si>
  <si>
    <t>Upevňovacie pásky a háčik k upevneniu systému na zber vylučovaného moču.</t>
  </si>
  <si>
    <t>Presnosť merania len meracia komora 0-40 ml: ± 1 ml  / 45 – 90 ml: ± 5 ml  / 100 – 500 ml: ± 10 ml.</t>
  </si>
  <si>
    <t>Požaduje sa uzatvorenie rámcovej dohody, a to na na dohodnuté zmluvné obdobie dvanástich (12)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10. - 14. týchto zmluvných podmienok.</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right style="medium">
        <color indexed="64"/>
      </right>
      <top style="dotted">
        <color indexed="64"/>
      </top>
      <bottom style="dotted">
        <color indexed="64"/>
      </bottom>
      <diagonal/>
    </border>
    <border>
      <left style="thin">
        <color auto="1"/>
      </left>
      <right/>
      <top style="thin">
        <color auto="1"/>
      </top>
      <bottom style="dotted">
        <color auto="1"/>
      </bottom>
      <diagonal/>
    </border>
    <border>
      <left/>
      <right style="medium">
        <color indexed="64"/>
      </right>
      <top style="thin">
        <color auto="1"/>
      </top>
      <bottom style="dotted">
        <color auto="1"/>
      </bottom>
      <diagonal/>
    </border>
    <border>
      <left style="medium">
        <color auto="1"/>
      </left>
      <right style="thin">
        <color auto="1"/>
      </right>
      <top/>
      <bottom style="medium">
        <color auto="1"/>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style="thin">
        <color auto="1"/>
      </left>
      <right style="thin">
        <color auto="1"/>
      </right>
      <top style="dotted">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49" fontId="2" fillId="0" borderId="14"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5" xfId="0" applyFont="1" applyBorder="1" applyAlignment="1">
      <alignment vertical="center" wrapText="1"/>
    </xf>
    <xf numFmtId="0" fontId="2" fillId="0" borderId="15" xfId="0" applyFont="1" applyFill="1" applyBorder="1" applyAlignment="1">
      <alignment horizontal="center" vertical="center" wrapText="1"/>
    </xf>
    <xf numFmtId="0" fontId="2" fillId="3" borderId="15" xfId="0" applyFont="1" applyFill="1" applyBorder="1" applyAlignment="1">
      <alignment horizontal="left" vertical="top" wrapText="1"/>
    </xf>
    <xf numFmtId="0" fontId="2" fillId="3" borderId="15"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0"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3" xfId="0" applyNumberFormat="1" applyFont="1" applyBorder="1" applyAlignment="1">
      <alignment horizontal="center" vertical="center" wrapText="1"/>
    </xf>
    <xf numFmtId="0" fontId="7" fillId="0" borderId="20" xfId="0" applyNumberFormat="1" applyFont="1" applyBorder="1" applyAlignment="1">
      <alignment horizontal="center" vertical="center" wrapText="1"/>
    </xf>
    <xf numFmtId="0" fontId="7" fillId="0" borderId="25" xfId="0" applyNumberFormat="1" applyFont="1" applyBorder="1" applyAlignment="1">
      <alignment horizontal="center" vertical="center" wrapText="1"/>
    </xf>
    <xf numFmtId="0" fontId="7" fillId="2" borderId="15"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49" fontId="5" fillId="5" borderId="17" xfId="0" applyNumberFormat="1" applyFont="1" applyFill="1" applyBorder="1" applyAlignment="1">
      <alignment vertical="center" wrapText="1"/>
    </xf>
    <xf numFmtId="49" fontId="5" fillId="5" borderId="13"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4" xfId="0" applyFont="1" applyBorder="1" applyAlignment="1">
      <alignment horizontal="left" vertical="center" wrapText="1"/>
    </xf>
    <xf numFmtId="49" fontId="2" fillId="0" borderId="35" xfId="0" applyNumberFormat="1" applyFont="1" applyFill="1" applyBorder="1" applyAlignment="1">
      <alignment horizontal="left" vertical="center" wrapText="1"/>
    </xf>
    <xf numFmtId="0" fontId="7" fillId="0" borderId="36" xfId="0" applyNumberFormat="1" applyFont="1" applyBorder="1" applyAlignment="1">
      <alignment horizontal="center" vertical="center" wrapText="1"/>
    </xf>
    <xf numFmtId="49" fontId="2" fillId="0" borderId="10" xfId="0" applyNumberFormat="1" applyFont="1" applyFill="1" applyBorder="1" applyAlignment="1">
      <alignment horizontal="left" vertical="center" wrapText="1"/>
    </xf>
    <xf numFmtId="0" fontId="7" fillId="0" borderId="15" xfId="0" applyNumberFormat="1" applyFont="1" applyBorder="1" applyAlignment="1">
      <alignment horizontal="center" vertical="center" wrapText="1"/>
    </xf>
    <xf numFmtId="49" fontId="2" fillId="0" borderId="39" xfId="0" applyNumberFormat="1" applyFont="1" applyFill="1" applyBorder="1" applyAlignment="1">
      <alignment horizontal="left" vertical="center" wrapText="1"/>
    </xf>
    <xf numFmtId="0" fontId="7" fillId="0" borderId="41"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33" xfId="0" applyFont="1" applyFill="1" applyBorder="1" applyAlignment="1">
      <alignment horizontal="left" vertical="center" wrapText="1"/>
    </xf>
    <xf numFmtId="0" fontId="3" fillId="0" borderId="31"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10" fillId="0" borderId="0" xfId="0" applyFont="1" applyFill="1" applyAlignment="1">
      <alignment vertical="center" wrapText="1"/>
    </xf>
    <xf numFmtId="0" fontId="7" fillId="0" borderId="42" xfId="0" applyNumberFormat="1" applyFont="1" applyBorder="1" applyAlignment="1">
      <alignment horizontal="center" vertical="center" wrapText="1"/>
    </xf>
    <xf numFmtId="0" fontId="4" fillId="0" borderId="44" xfId="0" applyFont="1" applyBorder="1" applyAlignment="1">
      <alignment horizontal="left" vertical="center" wrapText="1"/>
    </xf>
    <xf numFmtId="16" fontId="4" fillId="0" borderId="9" xfId="0" applyNumberFormat="1" applyFont="1" applyBorder="1" applyAlignment="1">
      <alignment horizontal="center" vertical="center" wrapText="1"/>
    </xf>
    <xf numFmtId="49" fontId="2" fillId="0" borderId="48" xfId="0" applyNumberFormat="1" applyFont="1" applyFill="1" applyBorder="1" applyAlignment="1">
      <alignment horizontal="left" vertical="center" wrapText="1"/>
    </xf>
    <xf numFmtId="3" fontId="13" fillId="0" borderId="15" xfId="0" applyNumberFormat="1" applyFont="1" applyBorder="1" applyAlignment="1">
      <alignment horizontal="center" vertical="center" wrapText="1"/>
    </xf>
    <xf numFmtId="16" fontId="4" fillId="0" borderId="43" xfId="0" applyNumberFormat="1" applyFont="1" applyBorder="1" applyAlignment="1">
      <alignment horizontal="center" vertical="center" wrapText="1"/>
    </xf>
    <xf numFmtId="16" fontId="4" fillId="0" borderId="14" xfId="0" applyNumberFormat="1" applyFont="1" applyBorder="1" applyAlignment="1">
      <alignment horizontal="center" vertical="center" wrapText="1"/>
    </xf>
    <xf numFmtId="0" fontId="4" fillId="0" borderId="51" xfId="0" applyFont="1" applyBorder="1" applyAlignment="1">
      <alignment horizontal="left" vertical="center" wrapText="1"/>
    </xf>
    <xf numFmtId="49" fontId="2" fillId="0" borderId="31" xfId="0" applyNumberFormat="1" applyFont="1" applyBorder="1" applyAlignment="1">
      <alignment horizontal="left" vertical="center" wrapText="1"/>
    </xf>
    <xf numFmtId="49" fontId="2" fillId="0" borderId="45"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22" xfId="0" applyNumberFormat="1" applyFont="1" applyBorder="1" applyAlignment="1">
      <alignment horizontal="left" vertical="center" wrapText="1"/>
    </xf>
    <xf numFmtId="0" fontId="10" fillId="0" borderId="0" xfId="0" applyFont="1" applyBorder="1" applyAlignment="1">
      <alignment horizontal="center" vertical="center" wrapText="1"/>
    </xf>
    <xf numFmtId="0" fontId="2" fillId="0" borderId="15"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38"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2" fillId="0" borderId="0" xfId="0" applyFont="1" applyAlignment="1">
      <alignment horizontal="left" wrapText="1"/>
    </xf>
    <xf numFmtId="49" fontId="3" fillId="2" borderId="1" xfId="0" applyNumberFormat="1" applyFont="1" applyFill="1" applyBorder="1" applyAlignment="1">
      <alignment horizontal="left" vertical="top" wrapText="1"/>
    </xf>
    <xf numFmtId="49" fontId="3" fillId="2" borderId="18"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9" xfId="0" applyFont="1" applyFill="1" applyBorder="1" applyAlignment="1">
      <alignment horizontal="center" vertical="top" wrapText="1"/>
    </xf>
    <xf numFmtId="0" fontId="3" fillId="2" borderId="18"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36" xfId="0" applyFont="1" applyFill="1" applyBorder="1" applyAlignment="1">
      <alignment horizontal="left" vertical="center" wrapText="1"/>
    </xf>
    <xf numFmtId="0" fontId="2" fillId="0" borderId="37" xfId="0" applyFont="1" applyFill="1" applyBorder="1" applyAlignment="1">
      <alignment horizontal="left" vertical="center" wrapText="1"/>
    </xf>
    <xf numFmtId="0" fontId="2" fillId="0" borderId="0" xfId="0" applyFont="1" applyAlignment="1">
      <alignment horizontal="center" vertical="center" wrapText="1"/>
    </xf>
    <xf numFmtId="49" fontId="2" fillId="0" borderId="46" xfId="0" applyNumberFormat="1" applyFont="1" applyBorder="1" applyAlignment="1">
      <alignment horizontal="left" vertical="center" wrapText="1"/>
    </xf>
    <xf numFmtId="49" fontId="2" fillId="0" borderId="47" xfId="0" applyNumberFormat="1" applyFont="1" applyBorder="1" applyAlignment="1">
      <alignment horizontal="left" vertical="center" wrapText="1"/>
    </xf>
    <xf numFmtId="49" fontId="5" fillId="5" borderId="12" xfId="0" applyNumberFormat="1" applyFont="1" applyFill="1" applyBorder="1" applyAlignment="1">
      <alignment horizontal="left" vertical="center" wrapText="1"/>
    </xf>
    <xf numFmtId="49" fontId="5" fillId="5" borderId="17" xfId="0" applyNumberFormat="1" applyFont="1" applyFill="1" applyBorder="1" applyAlignment="1">
      <alignment horizontal="left" vertical="center" wrapText="1"/>
    </xf>
    <xf numFmtId="0" fontId="4" fillId="0" borderId="0" xfId="0" applyFont="1" applyAlignment="1">
      <alignment horizontal="left" vertical="top" wrapText="1"/>
    </xf>
    <xf numFmtId="49" fontId="2" fillId="2" borderId="21" xfId="0" applyNumberFormat="1" applyFont="1" applyFill="1" applyBorder="1" applyAlignment="1">
      <alignment horizontal="center" vertical="center" wrapText="1"/>
    </xf>
    <xf numFmtId="49" fontId="2" fillId="2" borderId="22"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49" fontId="2" fillId="2" borderId="24"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49" xfId="0" applyFont="1" applyFill="1" applyBorder="1" applyAlignment="1">
      <alignment horizontal="center" vertical="center" wrapText="1"/>
    </xf>
    <xf numFmtId="0" fontId="2" fillId="0" borderId="50"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4"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4" fillId="0" borderId="0" xfId="1" applyNumberFormat="1" applyFont="1" applyBorder="1" applyAlignment="1">
      <alignment horizontal="left"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4" fillId="0" borderId="36" xfId="0" applyFont="1" applyFill="1" applyBorder="1" applyAlignment="1">
      <alignment horizontal="left" vertical="center" wrapText="1"/>
    </xf>
    <xf numFmtId="0" fontId="4" fillId="0" borderId="15" xfId="0" applyFont="1" applyFill="1" applyBorder="1" applyAlignment="1">
      <alignment horizontal="left" vertical="center" wrapText="1"/>
    </xf>
    <xf numFmtId="0" fontId="4" fillId="6" borderId="15" xfId="0" applyFont="1" applyFill="1" applyBorder="1" applyAlignment="1">
      <alignment horizontal="left" vertical="center" wrapText="1"/>
    </xf>
    <xf numFmtId="0" fontId="14" fillId="6" borderId="0" xfId="0" applyFont="1" applyFill="1" applyBorder="1" applyAlignment="1">
      <alignment horizontal="justify" vertical="center"/>
    </xf>
    <xf numFmtId="0" fontId="4" fillId="6" borderId="5" xfId="0" applyFont="1" applyFill="1" applyBorder="1" applyAlignment="1">
      <alignment horizontal="left" vertical="center" wrapText="1"/>
    </xf>
    <xf numFmtId="0" fontId="4" fillId="6" borderId="40" xfId="0" applyFont="1" applyFill="1" applyBorder="1" applyAlignment="1">
      <alignment horizontal="left" vertical="center" wrapText="1"/>
    </xf>
    <xf numFmtId="0" fontId="4" fillId="0" borderId="41"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0</xdr:row>
          <xdr:rowOff>38100</xdr:rowOff>
        </xdr:from>
        <xdr:to>
          <xdr:col>0</xdr:col>
          <xdr:colOff>533400</xdr:colOff>
          <xdr:row>31</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0</xdr:col>
          <xdr:colOff>52387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19"/>
  <sheetViews>
    <sheetView showGridLines="0" tabSelected="1" zoomScale="90" zoomScaleNormal="90" workbookViewId="0">
      <selection sqref="A1:E1"/>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04" t="s">
        <v>50</v>
      </c>
      <c r="B1" s="104"/>
      <c r="C1" s="104"/>
      <c r="D1" s="104"/>
      <c r="E1" s="104"/>
    </row>
    <row r="2" spans="1:5" ht="27.75" customHeight="1" x14ac:dyDescent="0.2">
      <c r="A2" s="110" t="s">
        <v>48</v>
      </c>
      <c r="B2" s="110"/>
      <c r="C2" s="110"/>
      <c r="D2" s="110"/>
      <c r="E2" s="110"/>
    </row>
    <row r="3" spans="1:5" ht="56.1" customHeight="1" x14ac:dyDescent="0.2">
      <c r="A3" s="99" t="s">
        <v>54</v>
      </c>
      <c r="B3" s="99"/>
      <c r="C3" s="99"/>
      <c r="D3" s="99"/>
      <c r="E3" s="99"/>
    </row>
    <row r="4" spans="1:5" ht="24.95" customHeight="1" x14ac:dyDescent="0.2">
      <c r="A4" s="47" t="s">
        <v>53</v>
      </c>
      <c r="B4" s="53"/>
      <c r="C4" s="41"/>
      <c r="D4" s="41"/>
      <c r="E4" s="41"/>
    </row>
    <row r="5" spans="1:5" ht="24.95" customHeight="1" x14ac:dyDescent="0.2">
      <c r="A5" s="47" t="s">
        <v>51</v>
      </c>
      <c r="B5" s="54"/>
      <c r="C5" s="41"/>
      <c r="D5" s="41"/>
      <c r="E5" s="41"/>
    </row>
    <row r="6" spans="1:5" ht="5.0999999999999996" customHeight="1" x14ac:dyDescent="0.2">
      <c r="A6" s="41"/>
      <c r="B6" s="41"/>
      <c r="C6" s="41"/>
      <c r="D6" s="41"/>
      <c r="E6" s="41"/>
    </row>
    <row r="7" spans="1:5" s="2" customFormat="1" ht="20.100000000000001" customHeight="1" x14ac:dyDescent="0.25">
      <c r="A7" s="100" t="s">
        <v>4</v>
      </c>
      <c r="B7" s="100"/>
      <c r="C7" s="100"/>
      <c r="D7" s="100"/>
      <c r="E7" s="100"/>
    </row>
    <row r="8" spans="1:5" s="2" customFormat="1" ht="20.100000000000001" customHeight="1" x14ac:dyDescent="0.25">
      <c r="A8" s="101" t="s">
        <v>8</v>
      </c>
      <c r="B8" s="101"/>
      <c r="C8" s="101"/>
      <c r="D8" s="101"/>
      <c r="E8" s="101"/>
    </row>
    <row r="9" spans="1:5" ht="24.95" customHeight="1" x14ac:dyDescent="0.2">
      <c r="A9" s="102" t="s">
        <v>91</v>
      </c>
      <c r="B9" s="102"/>
      <c r="C9" s="102"/>
      <c r="D9" s="102"/>
      <c r="E9" s="102"/>
    </row>
    <row r="10" spans="1:5" ht="4.5" customHeight="1" x14ac:dyDescent="0.2">
      <c r="A10" s="43"/>
      <c r="B10" s="43"/>
      <c r="C10" s="43"/>
      <c r="D10" s="43"/>
      <c r="E10" s="43"/>
    </row>
    <row r="11" spans="1:5" s="2" customFormat="1" ht="20.100000000000001" customHeight="1" x14ac:dyDescent="0.25">
      <c r="A11" s="103" t="s">
        <v>9</v>
      </c>
      <c r="B11" s="103"/>
      <c r="C11" s="103"/>
      <c r="D11" s="103"/>
      <c r="E11" s="103"/>
    </row>
    <row r="12" spans="1:5" s="2" customFormat="1" ht="24.95" customHeight="1" x14ac:dyDescent="0.2">
      <c r="A12" s="105" t="s">
        <v>92</v>
      </c>
      <c r="B12" s="105"/>
      <c r="C12" s="105"/>
      <c r="D12" s="17"/>
      <c r="E12" s="17"/>
    </row>
    <row r="13" spans="1:5" s="3" customFormat="1" ht="20.100000000000001" customHeight="1" x14ac:dyDescent="0.25">
      <c r="A13" s="105" t="s">
        <v>25</v>
      </c>
      <c r="B13" s="105"/>
      <c r="C13" s="105"/>
      <c r="D13" s="23"/>
      <c r="E13" s="24"/>
    </row>
    <row r="14" spans="1:5" ht="4.5" customHeight="1" x14ac:dyDescent="0.2">
      <c r="A14" s="43"/>
      <c r="B14" s="43"/>
      <c r="C14" s="43"/>
      <c r="D14" s="43"/>
      <c r="E14" s="43"/>
    </row>
    <row r="15" spans="1:5" x14ac:dyDescent="0.2">
      <c r="A15" s="42" t="s">
        <v>10</v>
      </c>
      <c r="B15" s="25"/>
      <c r="C15" s="25"/>
      <c r="D15" s="26"/>
      <c r="E15" s="26"/>
    </row>
    <row r="16" spans="1:5" s="3" customFormat="1" ht="24.95" customHeight="1" x14ac:dyDescent="0.25">
      <c r="A16" s="115" t="s">
        <v>60</v>
      </c>
      <c r="B16" s="115"/>
      <c r="C16" s="115"/>
      <c r="D16" s="23"/>
      <c r="E16" s="24"/>
    </row>
    <row r="17" spans="1:5" ht="5.0999999999999996" customHeight="1" x14ac:dyDescent="0.2">
      <c r="A17" s="91"/>
      <c r="B17" s="91"/>
      <c r="C17" s="91"/>
      <c r="E17" s="18"/>
    </row>
    <row r="18" spans="1:5" s="2" customFormat="1" ht="20.100000000000001" customHeight="1" x14ac:dyDescent="0.25">
      <c r="A18" s="100" t="s">
        <v>22</v>
      </c>
      <c r="B18" s="100"/>
      <c r="C18" s="100"/>
      <c r="D18" s="100"/>
      <c r="E18" s="100"/>
    </row>
    <row r="19" spans="1:5" ht="24.95" customHeight="1" x14ac:dyDescent="0.2">
      <c r="A19" s="105" t="s">
        <v>93</v>
      </c>
      <c r="B19" s="105"/>
      <c r="C19" s="105"/>
      <c r="D19" s="105"/>
      <c r="E19" s="105"/>
    </row>
    <row r="20" spans="1:5" ht="5.0999999999999996" customHeight="1" x14ac:dyDescent="0.2">
      <c r="A20" s="91"/>
      <c r="B20" s="91"/>
      <c r="C20" s="91"/>
      <c r="E20" s="18"/>
    </row>
    <row r="21" spans="1:5" s="2" customFormat="1" ht="20.100000000000001" customHeight="1" x14ac:dyDescent="0.25">
      <c r="A21" s="100" t="s">
        <v>23</v>
      </c>
      <c r="B21" s="100"/>
      <c r="C21" s="100"/>
      <c r="D21" s="100"/>
      <c r="E21" s="100"/>
    </row>
    <row r="22" spans="1:5" s="9" customFormat="1" ht="20.100000000000001" customHeight="1" x14ac:dyDescent="0.25">
      <c r="A22" s="118" t="s">
        <v>5</v>
      </c>
      <c r="B22" s="118"/>
      <c r="C22" s="118"/>
      <c r="D22" s="118"/>
      <c r="E22" s="118"/>
    </row>
    <row r="23" spans="1:5" s="9" customFormat="1" ht="20.100000000000001" customHeight="1" x14ac:dyDescent="0.25">
      <c r="A23" s="106" t="s">
        <v>17</v>
      </c>
      <c r="B23" s="107"/>
      <c r="C23" s="16"/>
      <c r="D23" s="16"/>
      <c r="E23" s="16"/>
    </row>
    <row r="24" spans="1:5" s="9" customFormat="1" ht="20.100000000000001" customHeight="1" x14ac:dyDescent="0.25">
      <c r="A24" s="15"/>
      <c r="B24" s="15" t="s">
        <v>20</v>
      </c>
      <c r="C24" s="16"/>
      <c r="D24" s="16"/>
      <c r="E24" s="16"/>
    </row>
    <row r="25" spans="1:5" s="9" customFormat="1" ht="20.100000000000001" customHeight="1" x14ac:dyDescent="0.25">
      <c r="A25" s="15"/>
      <c r="B25" s="15" t="s">
        <v>21</v>
      </c>
      <c r="C25" s="16"/>
      <c r="D25" s="16"/>
      <c r="E25" s="16"/>
    </row>
    <row r="26" spans="1:5" s="9" customFormat="1" ht="20.100000000000001" customHeight="1" x14ac:dyDescent="0.25">
      <c r="A26" s="106" t="s">
        <v>18</v>
      </c>
      <c r="B26" s="107"/>
      <c r="C26" s="16"/>
      <c r="D26" s="16"/>
      <c r="E26" s="16"/>
    </row>
    <row r="27" spans="1:5" s="9" customFormat="1" ht="31.5" customHeight="1" x14ac:dyDescent="0.25">
      <c r="A27" s="21" t="s">
        <v>70</v>
      </c>
      <c r="B27" s="119" t="s">
        <v>12</v>
      </c>
      <c r="C27" s="120"/>
      <c r="D27" s="22" t="s">
        <v>11</v>
      </c>
      <c r="E27" s="22" t="s">
        <v>13</v>
      </c>
    </row>
    <row r="28" spans="1:5" s="9" customFormat="1" ht="24.95" customHeight="1" x14ac:dyDescent="0.25">
      <c r="A28" s="19" t="s">
        <v>71</v>
      </c>
      <c r="B28" s="121" t="s">
        <v>94</v>
      </c>
      <c r="C28" s="122"/>
      <c r="D28" s="20" t="s">
        <v>1</v>
      </c>
      <c r="E28" s="77">
        <v>1700</v>
      </c>
    </row>
    <row r="29" spans="1:5" s="9" customFormat="1" ht="4.5" customHeight="1" x14ac:dyDescent="0.25">
      <c r="A29" s="16"/>
      <c r="B29" s="16"/>
      <c r="C29" s="16"/>
      <c r="D29" s="16"/>
      <c r="E29" s="16"/>
    </row>
    <row r="30" spans="1:5" s="9" customFormat="1" ht="20.100000000000001" customHeight="1" x14ac:dyDescent="0.25">
      <c r="A30" s="106" t="s">
        <v>19</v>
      </c>
      <c r="B30" s="107"/>
      <c r="C30" s="16"/>
      <c r="D30" s="16"/>
      <c r="E30" s="16"/>
    </row>
    <row r="31" spans="1:5" s="9" customFormat="1" ht="20.100000000000001" customHeight="1" x14ac:dyDescent="0.2">
      <c r="A31" s="10"/>
      <c r="B31" s="9" t="s">
        <v>2</v>
      </c>
      <c r="C31" s="16"/>
      <c r="D31" s="16"/>
      <c r="E31" s="16"/>
    </row>
    <row r="32" spans="1:5" s="9" customFormat="1" ht="20.100000000000001" customHeight="1" x14ac:dyDescent="0.25">
      <c r="A32" s="15"/>
      <c r="B32" s="2" t="s">
        <v>3</v>
      </c>
      <c r="C32" s="16"/>
      <c r="D32" s="16"/>
      <c r="E32" s="16"/>
    </row>
    <row r="33" spans="1:6" ht="5.0999999999999996" customHeight="1" x14ac:dyDescent="0.2"/>
    <row r="34" spans="1:6" s="2" customFormat="1" ht="20.100000000000001" customHeight="1" x14ac:dyDescent="0.25">
      <c r="A34" s="100" t="s">
        <v>24</v>
      </c>
      <c r="B34" s="100"/>
      <c r="C34" s="100"/>
      <c r="D34" s="100"/>
      <c r="E34" s="100"/>
    </row>
    <row r="35" spans="1:6" s="2" customFormat="1" ht="5.0999999999999996" customHeight="1" thickBot="1" x14ac:dyDescent="0.3">
      <c r="A35" s="18"/>
      <c r="C35" s="6"/>
      <c r="D35" s="6"/>
      <c r="E35" s="6"/>
    </row>
    <row r="36" spans="1:6" s="3" customFormat="1" ht="93" customHeight="1" x14ac:dyDescent="0.25">
      <c r="A36" s="92" t="s">
        <v>0</v>
      </c>
      <c r="B36" s="93"/>
      <c r="C36" s="96" t="s">
        <v>26</v>
      </c>
      <c r="D36" s="97"/>
      <c r="E36" s="98"/>
      <c r="F36" s="27"/>
    </row>
    <row r="37" spans="1:6" s="3" customFormat="1" ht="30" customHeight="1" thickBot="1" x14ac:dyDescent="0.3">
      <c r="A37" s="94"/>
      <c r="B37" s="95"/>
      <c r="C37" s="28" t="s">
        <v>27</v>
      </c>
      <c r="D37" s="116" t="s">
        <v>28</v>
      </c>
      <c r="E37" s="117"/>
    </row>
    <row r="38" spans="1:6" s="29" customFormat="1" ht="30.75" customHeight="1" x14ac:dyDescent="0.25">
      <c r="A38" s="113" t="s">
        <v>95</v>
      </c>
      <c r="B38" s="114"/>
      <c r="C38" s="49"/>
      <c r="D38" s="49"/>
      <c r="E38" s="50"/>
    </row>
    <row r="39" spans="1:6" s="4" customFormat="1" ht="35.1" customHeight="1" x14ac:dyDescent="0.25">
      <c r="A39" s="78">
        <v>44562</v>
      </c>
      <c r="B39" s="74" t="s">
        <v>96</v>
      </c>
      <c r="C39" s="52"/>
      <c r="D39" s="111"/>
      <c r="E39" s="112"/>
    </row>
    <row r="40" spans="1:6" s="4" customFormat="1" ht="20.100000000000001" customHeight="1" x14ac:dyDescent="0.25">
      <c r="A40" s="75">
        <v>44593</v>
      </c>
      <c r="B40" s="57" t="s">
        <v>97</v>
      </c>
      <c r="C40" s="52"/>
      <c r="D40" s="81"/>
      <c r="E40" s="82"/>
    </row>
    <row r="41" spans="1:6" s="4" customFormat="1" ht="20.100000000000001" customHeight="1" x14ac:dyDescent="0.25">
      <c r="A41" s="75">
        <v>44621</v>
      </c>
      <c r="B41" s="57" t="s">
        <v>98</v>
      </c>
      <c r="C41" s="52"/>
      <c r="D41" s="81"/>
      <c r="E41" s="82"/>
    </row>
    <row r="42" spans="1:6" s="4" customFormat="1" ht="30" customHeight="1" x14ac:dyDescent="0.25">
      <c r="A42" s="75">
        <v>44652</v>
      </c>
      <c r="B42" s="57" t="s">
        <v>99</v>
      </c>
      <c r="C42" s="52"/>
      <c r="D42" s="81"/>
      <c r="E42" s="82"/>
    </row>
    <row r="43" spans="1:6" s="4" customFormat="1" ht="35.1" customHeight="1" thickBot="1" x14ac:dyDescent="0.3">
      <c r="A43" s="75">
        <v>44682</v>
      </c>
      <c r="B43" s="57" t="s">
        <v>100</v>
      </c>
      <c r="C43" s="73"/>
      <c r="D43" s="81"/>
      <c r="E43" s="82"/>
    </row>
    <row r="44" spans="1:6" s="4" customFormat="1" ht="24.95" customHeight="1" x14ac:dyDescent="0.25">
      <c r="A44" s="75">
        <v>44713</v>
      </c>
      <c r="B44" s="57" t="s">
        <v>101</v>
      </c>
      <c r="C44" s="52"/>
      <c r="D44" s="81"/>
      <c r="E44" s="82"/>
    </row>
    <row r="45" spans="1:6" s="4" customFormat="1" ht="35.1" customHeight="1" thickBot="1" x14ac:dyDescent="0.3">
      <c r="A45" s="79">
        <v>44743</v>
      </c>
      <c r="B45" s="80" t="s">
        <v>102</v>
      </c>
      <c r="C45" s="73"/>
      <c r="D45" s="83"/>
      <c r="E45" s="84"/>
    </row>
    <row r="46" spans="1:6" s="3" customFormat="1" ht="5.0999999999999996" customHeight="1" x14ac:dyDescent="0.25">
      <c r="A46" s="5"/>
      <c r="B46" s="5"/>
      <c r="C46" s="7"/>
      <c r="D46" s="7"/>
      <c r="E46" s="30"/>
    </row>
    <row r="47" spans="1:6" s="2" customFormat="1" ht="20.100000000000001" customHeight="1" x14ac:dyDescent="0.25">
      <c r="A47" s="100" t="s">
        <v>49</v>
      </c>
      <c r="B47" s="100"/>
      <c r="C47" s="100"/>
      <c r="D47" s="100"/>
      <c r="E47" s="100"/>
    </row>
    <row r="48" spans="1:6" s="2" customFormat="1" ht="5.0999999999999996" customHeight="1" thickBot="1" x14ac:dyDescent="0.3">
      <c r="A48" s="18"/>
      <c r="C48" s="6"/>
      <c r="D48" s="6"/>
      <c r="E48" s="6"/>
    </row>
    <row r="49" spans="1:6" s="3" customFormat="1" ht="69" customHeight="1" x14ac:dyDescent="0.25">
      <c r="A49" s="92" t="s">
        <v>7</v>
      </c>
      <c r="B49" s="93"/>
      <c r="C49" s="96" t="s">
        <v>29</v>
      </c>
      <c r="D49" s="97"/>
      <c r="E49" s="98"/>
    </row>
    <row r="50" spans="1:6" s="3" customFormat="1" ht="30" customHeight="1" thickBot="1" x14ac:dyDescent="0.3">
      <c r="A50" s="94"/>
      <c r="B50" s="95"/>
      <c r="C50" s="28" t="s">
        <v>6</v>
      </c>
      <c r="D50" s="123" t="s">
        <v>30</v>
      </c>
      <c r="E50" s="124"/>
    </row>
    <row r="51" spans="1:6" s="3" customFormat="1" ht="54.95" customHeight="1" x14ac:dyDescent="0.25">
      <c r="A51" s="58" t="s">
        <v>15</v>
      </c>
      <c r="B51" s="141" t="s">
        <v>103</v>
      </c>
      <c r="C51" s="59"/>
      <c r="D51" s="108"/>
      <c r="E51" s="109"/>
    </row>
    <row r="52" spans="1:6" s="2" customFormat="1" ht="57.75" customHeight="1" x14ac:dyDescent="0.25">
      <c r="A52" s="60" t="s">
        <v>61</v>
      </c>
      <c r="B52" s="142" t="s">
        <v>104</v>
      </c>
      <c r="C52" s="61"/>
      <c r="D52" s="86"/>
      <c r="E52" s="87"/>
      <c r="F52" s="85"/>
    </row>
    <row r="53" spans="1:6" s="2" customFormat="1" ht="15" customHeight="1" x14ac:dyDescent="0.25">
      <c r="A53" s="60" t="s">
        <v>62</v>
      </c>
      <c r="B53" s="142" t="s">
        <v>105</v>
      </c>
      <c r="C53" s="61"/>
      <c r="D53" s="86"/>
      <c r="E53" s="87"/>
      <c r="F53" s="85"/>
    </row>
    <row r="54" spans="1:6" s="2" customFormat="1" ht="39.950000000000003" customHeight="1" x14ac:dyDescent="0.25">
      <c r="A54" s="60" t="s">
        <v>72</v>
      </c>
      <c r="B54" s="143" t="s">
        <v>106</v>
      </c>
      <c r="C54" s="61"/>
      <c r="D54" s="86"/>
      <c r="E54" s="87"/>
      <c r="F54" s="85"/>
    </row>
    <row r="55" spans="1:6" s="3" customFormat="1" ht="29.25" customHeight="1" x14ac:dyDescent="0.25">
      <c r="A55" s="60" t="s">
        <v>73</v>
      </c>
      <c r="B55" s="142" t="s">
        <v>107</v>
      </c>
      <c r="C55" s="61"/>
      <c r="D55" s="86"/>
      <c r="E55" s="87"/>
      <c r="F55" s="85"/>
    </row>
    <row r="56" spans="1:6" s="3" customFormat="1" ht="20.100000000000001" customHeight="1" x14ac:dyDescent="0.25">
      <c r="A56" s="60" t="s">
        <v>74</v>
      </c>
      <c r="B56" s="142" t="s">
        <v>108</v>
      </c>
      <c r="C56" s="61"/>
      <c r="D56" s="86"/>
      <c r="E56" s="87"/>
      <c r="F56" s="85"/>
    </row>
    <row r="57" spans="1:6" s="3" customFormat="1" ht="50.1" customHeight="1" x14ac:dyDescent="0.25">
      <c r="A57" s="60" t="s">
        <v>75</v>
      </c>
      <c r="B57" s="142" t="s">
        <v>109</v>
      </c>
      <c r="C57" s="61"/>
      <c r="D57" s="86"/>
      <c r="E57" s="87"/>
      <c r="F57" s="85"/>
    </row>
    <row r="58" spans="1:6" s="2" customFormat="1" ht="131.25" customHeight="1" x14ac:dyDescent="0.25">
      <c r="A58" s="60" t="s">
        <v>76</v>
      </c>
      <c r="B58" s="142" t="s">
        <v>110</v>
      </c>
      <c r="C58" s="61"/>
      <c r="D58" s="86"/>
      <c r="E58" s="87"/>
      <c r="F58" s="85"/>
    </row>
    <row r="59" spans="1:6" s="2" customFormat="1" ht="142.5" customHeight="1" x14ac:dyDescent="0.25">
      <c r="A59" s="60" t="s">
        <v>63</v>
      </c>
      <c r="B59" s="142" t="s">
        <v>111</v>
      </c>
      <c r="C59" s="61"/>
      <c r="D59" s="86"/>
      <c r="E59" s="87"/>
    </row>
    <row r="60" spans="1:6" s="2" customFormat="1" ht="55.5" customHeight="1" x14ac:dyDescent="0.25">
      <c r="A60" s="60" t="s">
        <v>64</v>
      </c>
      <c r="B60" s="142" t="s">
        <v>112</v>
      </c>
      <c r="C60" s="61"/>
      <c r="D60" s="86"/>
      <c r="E60" s="87"/>
    </row>
    <row r="61" spans="1:6" s="3" customFormat="1" ht="60.75" customHeight="1" x14ac:dyDescent="0.25">
      <c r="A61" s="60" t="s">
        <v>65</v>
      </c>
      <c r="B61" s="142" t="s">
        <v>113</v>
      </c>
      <c r="C61" s="61"/>
      <c r="D61" s="86"/>
      <c r="E61" s="87"/>
    </row>
    <row r="62" spans="1:6" s="32" customFormat="1" ht="79.5" customHeight="1" x14ac:dyDescent="0.25">
      <c r="A62" s="60" t="s">
        <v>66</v>
      </c>
      <c r="B62" s="144" t="s">
        <v>114</v>
      </c>
      <c r="C62" s="61"/>
      <c r="D62" s="88"/>
      <c r="E62" s="89"/>
    </row>
    <row r="63" spans="1:6" s="32" customFormat="1" ht="84.75" customHeight="1" x14ac:dyDescent="0.25">
      <c r="A63" s="60" t="s">
        <v>67</v>
      </c>
      <c r="B63" s="145" t="s">
        <v>115</v>
      </c>
      <c r="C63" s="61"/>
      <c r="D63" s="88"/>
      <c r="E63" s="89"/>
    </row>
    <row r="64" spans="1:6" s="2" customFormat="1" ht="288" customHeight="1" x14ac:dyDescent="0.25">
      <c r="A64" s="60" t="s">
        <v>68</v>
      </c>
      <c r="B64" s="142" t="s">
        <v>116</v>
      </c>
      <c r="C64" s="61"/>
      <c r="D64" s="86"/>
      <c r="E64" s="87"/>
    </row>
    <row r="65" spans="1:6" s="2" customFormat="1" ht="120" customHeight="1" x14ac:dyDescent="0.25">
      <c r="A65" s="60" t="s">
        <v>77</v>
      </c>
      <c r="B65" s="142" t="s">
        <v>129</v>
      </c>
      <c r="C65" s="61"/>
      <c r="D65" s="86"/>
      <c r="E65" s="87"/>
    </row>
    <row r="66" spans="1:6" s="2" customFormat="1" ht="270" customHeight="1" x14ac:dyDescent="0.25">
      <c r="A66" s="60" t="s">
        <v>78</v>
      </c>
      <c r="B66" s="142" t="s">
        <v>117</v>
      </c>
      <c r="C66" s="61"/>
      <c r="D66" s="86"/>
      <c r="E66" s="87"/>
    </row>
    <row r="67" spans="1:6" s="3" customFormat="1" ht="141.75" customHeight="1" x14ac:dyDescent="0.25">
      <c r="A67" s="60" t="s">
        <v>79</v>
      </c>
      <c r="B67" s="143" t="s">
        <v>118</v>
      </c>
      <c r="C67" s="61"/>
      <c r="D67" s="86"/>
      <c r="E67" s="87"/>
    </row>
    <row r="68" spans="1:6" s="2" customFormat="1" ht="60" customHeight="1" x14ac:dyDescent="0.25">
      <c r="A68" s="60" t="s">
        <v>80</v>
      </c>
      <c r="B68" s="142" t="s">
        <v>119</v>
      </c>
      <c r="C68" s="61"/>
      <c r="D68" s="86"/>
      <c r="E68" s="87"/>
    </row>
    <row r="69" spans="1:6" s="3" customFormat="1" ht="120" customHeight="1" x14ac:dyDescent="0.25">
      <c r="A69" s="60" t="s">
        <v>81</v>
      </c>
      <c r="B69" s="142" t="s">
        <v>120</v>
      </c>
      <c r="C69" s="61"/>
      <c r="D69" s="86"/>
      <c r="E69" s="87"/>
    </row>
    <row r="70" spans="1:6" s="2" customFormat="1" ht="30" customHeight="1" x14ac:dyDescent="0.25">
      <c r="A70" s="60" t="s">
        <v>82</v>
      </c>
      <c r="B70" s="142" t="s">
        <v>121</v>
      </c>
      <c r="C70" s="61"/>
      <c r="D70" s="86"/>
      <c r="E70" s="87"/>
    </row>
    <row r="71" spans="1:6" s="2" customFormat="1" ht="48" customHeight="1" x14ac:dyDescent="0.25">
      <c r="A71" s="60" t="s">
        <v>83</v>
      </c>
      <c r="B71" s="142" t="s">
        <v>122</v>
      </c>
      <c r="C71" s="61"/>
      <c r="D71" s="86"/>
      <c r="E71" s="87"/>
    </row>
    <row r="72" spans="1:6" s="3" customFormat="1" ht="63.75" customHeight="1" x14ac:dyDescent="0.25">
      <c r="A72" s="60" t="s">
        <v>84</v>
      </c>
      <c r="B72" s="142" t="s">
        <v>123</v>
      </c>
      <c r="C72" s="61"/>
      <c r="D72" s="86"/>
      <c r="E72" s="87"/>
    </row>
    <row r="73" spans="1:6" s="3" customFormat="1" ht="80.25" customHeight="1" x14ac:dyDescent="0.25">
      <c r="A73" s="60" t="s">
        <v>85</v>
      </c>
      <c r="B73" s="142" t="s">
        <v>124</v>
      </c>
      <c r="C73" s="61"/>
      <c r="D73" s="86"/>
      <c r="E73" s="87"/>
    </row>
    <row r="74" spans="1:6" s="3" customFormat="1" ht="200.1" customHeight="1" x14ac:dyDescent="0.25">
      <c r="A74" s="62" t="s">
        <v>86</v>
      </c>
      <c r="B74" s="146" t="s">
        <v>125</v>
      </c>
      <c r="C74" s="61"/>
      <c r="D74" s="86"/>
      <c r="E74" s="87"/>
    </row>
    <row r="75" spans="1:6" ht="99.95" customHeight="1" x14ac:dyDescent="0.2">
      <c r="A75" s="60" t="s">
        <v>87</v>
      </c>
      <c r="B75" s="142" t="s">
        <v>126</v>
      </c>
      <c r="C75" s="61"/>
      <c r="D75" s="88"/>
      <c r="E75" s="89"/>
    </row>
    <row r="76" spans="1:6" s="2" customFormat="1" ht="129.94999999999999" customHeight="1" x14ac:dyDescent="0.25">
      <c r="A76" s="60" t="s">
        <v>88</v>
      </c>
      <c r="B76" s="142" t="s">
        <v>127</v>
      </c>
      <c r="C76" s="61"/>
      <c r="D76" s="86"/>
      <c r="E76" s="87"/>
    </row>
    <row r="77" spans="1:6" s="2" customFormat="1" ht="90" customHeight="1" thickBot="1" x14ac:dyDescent="0.3">
      <c r="A77" s="76" t="s">
        <v>89</v>
      </c>
      <c r="B77" s="147" t="s">
        <v>128</v>
      </c>
      <c r="C77" s="63"/>
      <c r="D77" s="125"/>
      <c r="E77" s="126"/>
    </row>
    <row r="78" spans="1:6" s="68" customFormat="1" ht="26.25" customHeight="1" x14ac:dyDescent="0.25">
      <c r="A78" s="64"/>
      <c r="B78" s="65"/>
      <c r="C78" s="66"/>
      <c r="D78" s="66"/>
      <c r="E78" s="67"/>
    </row>
    <row r="79" spans="1:6" s="2" customFormat="1" ht="20.100000000000001" customHeight="1" x14ac:dyDescent="0.25">
      <c r="A79" s="90" t="s">
        <v>55</v>
      </c>
      <c r="B79" s="90"/>
      <c r="C79" s="90"/>
      <c r="D79" s="90"/>
      <c r="E79" s="90"/>
      <c r="F79" s="85"/>
    </row>
    <row r="80" spans="1:6" s="2" customFormat="1" ht="4.5" customHeight="1" thickBot="1" x14ac:dyDescent="0.3">
      <c r="F80" s="85"/>
    </row>
    <row r="81" spans="1:6" s="2" customFormat="1" ht="80.25" customHeight="1" x14ac:dyDescent="0.25">
      <c r="A81" s="92" t="s">
        <v>69</v>
      </c>
      <c r="B81" s="93"/>
      <c r="C81" s="96" t="s">
        <v>56</v>
      </c>
      <c r="D81" s="97"/>
      <c r="E81" s="98"/>
      <c r="F81" s="85"/>
    </row>
    <row r="82" spans="1:6" s="3" customFormat="1" ht="29.25" customHeight="1" thickBot="1" x14ac:dyDescent="0.3">
      <c r="A82" s="94"/>
      <c r="B82" s="95"/>
      <c r="C82" s="28" t="s">
        <v>6</v>
      </c>
      <c r="D82" s="123" t="s">
        <v>30</v>
      </c>
      <c r="E82" s="124"/>
      <c r="F82" s="85"/>
    </row>
    <row r="83" spans="1:6" s="3" customFormat="1" ht="39" customHeight="1" x14ac:dyDescent="0.25">
      <c r="A83" s="48" t="s">
        <v>31</v>
      </c>
      <c r="B83" s="69" t="s">
        <v>59</v>
      </c>
      <c r="C83" s="46"/>
      <c r="D83" s="132"/>
      <c r="E83" s="133"/>
      <c r="F83" s="85"/>
    </row>
    <row r="84" spans="1:6" s="3" customFormat="1" ht="27.95" customHeight="1" x14ac:dyDescent="0.25">
      <c r="A84" s="13" t="s">
        <v>32</v>
      </c>
      <c r="B84" s="70" t="s">
        <v>58</v>
      </c>
      <c r="C84" s="44"/>
      <c r="D84" s="134"/>
      <c r="E84" s="135"/>
      <c r="F84" s="85"/>
    </row>
    <row r="85" spans="1:6" s="2" customFormat="1" ht="36.6" customHeight="1" thickBot="1" x14ac:dyDescent="0.3">
      <c r="A85" s="14" t="s">
        <v>33</v>
      </c>
      <c r="B85" s="71" t="s">
        <v>57</v>
      </c>
      <c r="C85" s="45"/>
      <c r="D85" s="130"/>
      <c r="E85" s="131"/>
      <c r="F85" s="85"/>
    </row>
    <row r="86" spans="1:6" s="2" customFormat="1" ht="5.0999999999999996" customHeight="1" x14ac:dyDescent="0.25">
      <c r="A86" s="5"/>
      <c r="B86" s="5"/>
      <c r="C86" s="7"/>
      <c r="D86" s="7"/>
      <c r="E86" s="30"/>
    </row>
    <row r="87" spans="1:6" s="2" customFormat="1" ht="20.100000000000001" customHeight="1" x14ac:dyDescent="0.25">
      <c r="A87" s="100" t="s">
        <v>14</v>
      </c>
      <c r="B87" s="100"/>
      <c r="C87" s="100"/>
      <c r="D87" s="100"/>
      <c r="E87" s="100"/>
    </row>
    <row r="88" spans="1:6" s="68" customFormat="1" ht="30" customHeight="1" x14ac:dyDescent="0.25">
      <c r="A88" s="65" t="s">
        <v>16</v>
      </c>
      <c r="B88" s="139" t="s">
        <v>90</v>
      </c>
      <c r="C88" s="139"/>
      <c r="D88" s="139"/>
      <c r="E88" s="139"/>
    </row>
    <row r="89" spans="1:6" s="72" customFormat="1" ht="30" customHeight="1" x14ac:dyDescent="0.25">
      <c r="A89" s="65" t="s">
        <v>34</v>
      </c>
      <c r="B89" s="138" t="s">
        <v>35</v>
      </c>
      <c r="C89" s="138"/>
      <c r="D89" s="138"/>
      <c r="E89" s="138"/>
    </row>
    <row r="90" spans="1:6" s="32" customFormat="1" ht="30" customHeight="1" x14ac:dyDescent="0.25">
      <c r="A90" s="140" t="s">
        <v>36</v>
      </c>
      <c r="B90" s="140"/>
      <c r="C90" s="140"/>
      <c r="D90" s="140"/>
      <c r="E90" s="3"/>
    </row>
    <row r="91" spans="1:6" s="2" customFormat="1" ht="28.5" customHeight="1" x14ac:dyDescent="0.25">
      <c r="A91" s="31" t="s">
        <v>37</v>
      </c>
      <c r="B91" s="137"/>
      <c r="C91" s="137"/>
      <c r="E91" s="32"/>
    </row>
    <row r="92" spans="1:6" s="2" customFormat="1" ht="27" customHeight="1" x14ac:dyDescent="0.25">
      <c r="A92" s="31" t="s">
        <v>38</v>
      </c>
      <c r="B92" s="127"/>
      <c r="C92" s="127"/>
      <c r="E92" s="32"/>
    </row>
    <row r="93" spans="1:6" s="2" customFormat="1" ht="26.45" customHeight="1" x14ac:dyDescent="0.25">
      <c r="A93" s="31" t="s">
        <v>39</v>
      </c>
      <c r="B93" s="127"/>
      <c r="C93" s="127"/>
      <c r="E93" s="32"/>
    </row>
    <row r="94" spans="1:6" s="3" customFormat="1" ht="29.1" customHeight="1" x14ac:dyDescent="0.25">
      <c r="A94" s="31" t="s">
        <v>40</v>
      </c>
      <c r="B94" s="127"/>
      <c r="C94" s="127"/>
      <c r="D94" s="2"/>
      <c r="E94" s="33"/>
    </row>
    <row r="95" spans="1:6" s="2" customFormat="1" ht="46.5" customHeight="1" x14ac:dyDescent="0.2">
      <c r="A95" s="11"/>
      <c r="B95" s="12"/>
      <c r="C95" s="12"/>
      <c r="E95" s="34"/>
    </row>
    <row r="96" spans="1:6" s="3" customFormat="1" ht="15" customHeight="1" x14ac:dyDescent="0.25">
      <c r="A96" s="128" t="s">
        <v>41</v>
      </c>
      <c r="B96" s="128"/>
      <c r="C96" s="128"/>
      <c r="D96" s="128"/>
      <c r="E96" s="128"/>
    </row>
    <row r="97" spans="1:5" s="2" customFormat="1" ht="36.75" customHeight="1" x14ac:dyDescent="0.25">
      <c r="A97" s="129" t="s">
        <v>52</v>
      </c>
      <c r="B97" s="129"/>
      <c r="C97" s="129"/>
      <c r="D97" s="129"/>
      <c r="E97" s="129"/>
    </row>
    <row r="98" spans="1:5" s="2" customFormat="1" ht="20.100000000000001" customHeight="1" x14ac:dyDescent="0.2">
      <c r="A98" s="1"/>
      <c r="B98" s="1"/>
      <c r="C98" s="8"/>
      <c r="D98" s="8"/>
    </row>
    <row r="99" spans="1:5" s="3" customFormat="1" ht="4.5" customHeight="1" x14ac:dyDescent="0.2">
      <c r="A99" s="1"/>
      <c r="B99" s="1"/>
      <c r="C99" s="8"/>
      <c r="D99" s="8"/>
      <c r="E99" s="2"/>
    </row>
    <row r="100" spans="1:5" s="3" customFormat="1" ht="20.100000000000001" customHeight="1" x14ac:dyDescent="0.25">
      <c r="A100" s="35" t="s">
        <v>42</v>
      </c>
      <c r="B100" s="55"/>
      <c r="C100" s="36" t="s">
        <v>43</v>
      </c>
      <c r="D100" s="136"/>
      <c r="E100" s="136"/>
    </row>
    <row r="101" spans="1:5" s="3" customFormat="1" ht="20.100000000000001" customHeight="1" x14ac:dyDescent="0.25">
      <c r="A101" s="51" t="s">
        <v>44</v>
      </c>
      <c r="B101" s="56"/>
      <c r="C101" s="37"/>
      <c r="D101" s="38"/>
      <c r="E101" s="38"/>
    </row>
    <row r="102" spans="1:5" ht="20.100000000000001" customHeight="1" x14ac:dyDescent="0.2">
      <c r="C102" s="39" t="s">
        <v>45</v>
      </c>
      <c r="D102" s="137"/>
      <c r="E102" s="137"/>
    </row>
    <row r="103" spans="1:5" s="2" customFormat="1" ht="20.100000000000001" customHeight="1" x14ac:dyDescent="0.2">
      <c r="A103" s="1"/>
      <c r="B103" s="1"/>
      <c r="C103" s="39" t="s">
        <v>46</v>
      </c>
      <c r="D103" s="127"/>
      <c r="E103" s="127"/>
    </row>
    <row r="104" spans="1:5" s="2" customFormat="1" ht="20.100000000000001" customHeight="1" x14ac:dyDescent="0.2">
      <c r="A104" s="1"/>
      <c r="B104" s="1"/>
      <c r="C104" s="40" t="s">
        <v>47</v>
      </c>
      <c r="D104" s="1"/>
    </row>
    <row r="105" spans="1:5" s="2" customFormat="1" ht="37.5" customHeight="1" x14ac:dyDescent="0.25"/>
    <row r="106" spans="1:5" s="2" customFormat="1" ht="24" customHeight="1" x14ac:dyDescent="0.25"/>
    <row r="107" spans="1:5" s="2" customFormat="1" ht="24" customHeight="1" x14ac:dyDescent="0.25"/>
    <row r="108" spans="1:5" s="2" customFormat="1" ht="24" customHeight="1" x14ac:dyDescent="0.25"/>
    <row r="109" spans="1:5" s="2" customFormat="1" ht="20.100000000000001" customHeight="1" x14ac:dyDescent="0.25"/>
    <row r="110" spans="1:5" s="2" customFormat="1" ht="20.100000000000001" customHeight="1" x14ac:dyDescent="0.25"/>
    <row r="111" spans="1:5" s="2" customFormat="1" ht="50.1" customHeight="1" x14ac:dyDescent="0.25"/>
    <row r="112" spans="1:5" s="2" customFormat="1" ht="43.5" customHeight="1" x14ac:dyDescent="0.25"/>
    <row r="113" spans="1:4" ht="24.75" customHeight="1" x14ac:dyDescent="0.2">
      <c r="A113" s="2"/>
      <c r="B113" s="2"/>
      <c r="C113" s="2"/>
      <c r="D113" s="2"/>
    </row>
    <row r="114" spans="1:4" x14ac:dyDescent="0.2">
      <c r="A114" s="2"/>
      <c r="B114" s="2"/>
      <c r="C114" s="2"/>
      <c r="D114" s="2"/>
    </row>
    <row r="115" spans="1:4" ht="20.100000000000001" customHeight="1" x14ac:dyDescent="0.2"/>
    <row r="116" spans="1:4" ht="4.5" customHeight="1" x14ac:dyDescent="0.2"/>
    <row r="117" spans="1:4" ht="20.100000000000001" customHeight="1" x14ac:dyDescent="0.2"/>
    <row r="118" spans="1:4" ht="20.100000000000001" customHeight="1" x14ac:dyDescent="0.2"/>
    <row r="119" spans="1:4" ht="20.100000000000001" customHeight="1" x14ac:dyDescent="0.2"/>
  </sheetData>
  <mergeCells count="86">
    <mergeCell ref="A87:E87"/>
    <mergeCell ref="B89:E89"/>
    <mergeCell ref="B88:E88"/>
    <mergeCell ref="A90:D90"/>
    <mergeCell ref="D103:E103"/>
    <mergeCell ref="A96:E96"/>
    <mergeCell ref="A97:E97"/>
    <mergeCell ref="A81:B82"/>
    <mergeCell ref="C81:E81"/>
    <mergeCell ref="D82:E82"/>
    <mergeCell ref="D85:E85"/>
    <mergeCell ref="D83:E83"/>
    <mergeCell ref="D84:E84"/>
    <mergeCell ref="D100:E100"/>
    <mergeCell ref="D102:E102"/>
    <mergeCell ref="B91:C91"/>
    <mergeCell ref="B92:C92"/>
    <mergeCell ref="B93:C93"/>
    <mergeCell ref="B94:C94"/>
    <mergeCell ref="A34:E34"/>
    <mergeCell ref="D74:E74"/>
    <mergeCell ref="D75:E75"/>
    <mergeCell ref="D76:E76"/>
    <mergeCell ref="D77:E77"/>
    <mergeCell ref="A49:B50"/>
    <mergeCell ref="C49:E49"/>
    <mergeCell ref="D50:E50"/>
    <mergeCell ref="D40:E40"/>
    <mergeCell ref="D41:E41"/>
    <mergeCell ref="D42:E42"/>
    <mergeCell ref="A47:E47"/>
    <mergeCell ref="A1:E1"/>
    <mergeCell ref="A12:C12"/>
    <mergeCell ref="A23:B23"/>
    <mergeCell ref="A26:B26"/>
    <mergeCell ref="A13:C13"/>
    <mergeCell ref="A2:E2"/>
    <mergeCell ref="A18:E18"/>
    <mergeCell ref="A19:E19"/>
    <mergeCell ref="A20:C20"/>
    <mergeCell ref="A21:E21"/>
    <mergeCell ref="A16:C16"/>
    <mergeCell ref="A22:E22"/>
    <mergeCell ref="A3:E3"/>
    <mergeCell ref="A7:E7"/>
    <mergeCell ref="A8:E8"/>
    <mergeCell ref="A9:E9"/>
    <mergeCell ref="A11:E11"/>
    <mergeCell ref="D70:E70"/>
    <mergeCell ref="D71:E71"/>
    <mergeCell ref="D72:E72"/>
    <mergeCell ref="D73:E73"/>
    <mergeCell ref="A17:C17"/>
    <mergeCell ref="A36:B37"/>
    <mergeCell ref="C36:E36"/>
    <mergeCell ref="D51:E51"/>
    <mergeCell ref="D52:E52"/>
    <mergeCell ref="D43:E43"/>
    <mergeCell ref="D39:E39"/>
    <mergeCell ref="A38:B38"/>
    <mergeCell ref="A30:B30"/>
    <mergeCell ref="D37:E37"/>
    <mergeCell ref="B27:C27"/>
    <mergeCell ref="B28:C28"/>
    <mergeCell ref="F79:F85"/>
    <mergeCell ref="D58:E58"/>
    <mergeCell ref="D53:E53"/>
    <mergeCell ref="D54:E54"/>
    <mergeCell ref="D67:E67"/>
    <mergeCell ref="D68:E68"/>
    <mergeCell ref="D59:E59"/>
    <mergeCell ref="D60:E60"/>
    <mergeCell ref="D61:E61"/>
    <mergeCell ref="D62:E62"/>
    <mergeCell ref="D63:E63"/>
    <mergeCell ref="D65:E65"/>
    <mergeCell ref="D66:E66"/>
    <mergeCell ref="D64:E64"/>
    <mergeCell ref="A79:E79"/>
    <mergeCell ref="D69:E69"/>
    <mergeCell ref="D44:E44"/>
    <mergeCell ref="D45:E45"/>
    <mergeCell ref="F52:F58"/>
    <mergeCell ref="D55:E55"/>
    <mergeCell ref="D56:E56"/>
    <mergeCell ref="D57:E57"/>
  </mergeCells>
  <conditionalFormatting sqref="B91:C94 C39:C43">
    <cfRule type="containsBlanks" dxfId="12" priority="37">
      <formula>LEN(TRIM(B39))=0</formula>
    </cfRule>
  </conditionalFormatting>
  <conditionalFormatting sqref="D102:E102">
    <cfRule type="containsBlanks" dxfId="11" priority="36">
      <formula>LEN(TRIM(D102))=0</formula>
    </cfRule>
  </conditionalFormatting>
  <conditionalFormatting sqref="D103:E103">
    <cfRule type="containsBlanks" dxfId="10" priority="35">
      <formula>LEN(TRIM(D103))=0</formula>
    </cfRule>
  </conditionalFormatting>
  <conditionalFormatting sqref="C83">
    <cfRule type="containsBlanks" dxfId="9" priority="26">
      <formula>LEN(TRIM(C83))=0</formula>
    </cfRule>
  </conditionalFormatting>
  <conditionalFormatting sqref="C84">
    <cfRule type="containsBlanks" dxfId="8" priority="25">
      <formula>LEN(TRIM(C84))=0</formula>
    </cfRule>
  </conditionalFormatting>
  <conditionalFormatting sqref="C85">
    <cfRule type="containsBlanks" dxfId="7" priority="23">
      <formula>LEN(TRIM(C85))=0</formula>
    </cfRule>
  </conditionalFormatting>
  <conditionalFormatting sqref="B100">
    <cfRule type="containsBlanks" dxfId="6" priority="16">
      <formula>LEN(TRIM(B100))=0</formula>
    </cfRule>
  </conditionalFormatting>
  <conditionalFormatting sqref="B4">
    <cfRule type="containsBlanks" dxfId="5" priority="18">
      <formula>LEN(TRIM(B4))=0</formula>
    </cfRule>
  </conditionalFormatting>
  <conditionalFormatting sqref="B5">
    <cfRule type="containsBlanks" dxfId="4" priority="17">
      <formula>LEN(TRIM(B5))=0</formula>
    </cfRule>
  </conditionalFormatting>
  <conditionalFormatting sqref="B101">
    <cfRule type="containsBlanks" dxfId="3" priority="15">
      <formula>LEN(TRIM(B101))=0</formula>
    </cfRule>
  </conditionalFormatting>
  <conditionalFormatting sqref="C51:C77">
    <cfRule type="containsBlanks" dxfId="2" priority="11">
      <formula>LEN(TRIM(C51))=0</formula>
    </cfRule>
  </conditionalFormatting>
  <conditionalFormatting sqref="C44:C45">
    <cfRule type="containsBlanks" dxfId="1" priority="8">
      <formula>LEN(TRIM(C44))=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78"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0</xdr:row>
                    <xdr:rowOff>38100</xdr:rowOff>
                  </from>
                  <to>
                    <xdr:col>0</xdr:col>
                    <xdr:colOff>533400</xdr:colOff>
                    <xdr:row>31</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1</xdr:row>
                    <xdr:rowOff>0</xdr:rowOff>
                  </from>
                  <to>
                    <xdr:col>0</xdr:col>
                    <xdr:colOff>52387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1-05-20T08:07:36Z</cp:lastPrinted>
  <dcterms:created xsi:type="dcterms:W3CDTF">2017-04-21T05:51:15Z</dcterms:created>
  <dcterms:modified xsi:type="dcterms:W3CDTF">2022-03-14T11:46:03Z</dcterms:modified>
</cp:coreProperties>
</file>